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D:\Users\s992983\Documents\"/>
    </mc:Choice>
  </mc:AlternateContent>
  <bookViews>
    <workbookView xWindow="0" yWindow="0" windowWidth="2172" windowHeight="0" activeTab="1"/>
  </bookViews>
  <sheets>
    <sheet name="Monthly Retirement Income" sheetId="1" r:id="rId1"/>
    <sheet name="Extras and Special Goals" sheetId="3" r:id="rId2"/>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2" uniqueCount="46">
  <si>
    <t>What's your ideal retirement income?</t>
  </si>
  <si>
    <t>/month</t>
  </si>
  <si>
    <t>At what age would you like to retire?</t>
  </si>
  <si>
    <t>years old</t>
  </si>
  <si>
    <t>How will you achieve this amount each month?</t>
  </si>
  <si>
    <t>The key here is to think about creating streams of passive income for yourself. There are many ways to do this, such as these listed below.</t>
  </si>
  <si>
    <t>CPF Life payouts</t>
  </si>
  <si>
    <t>Savings or retirement plan payouts</t>
  </si>
  <si>
    <t>eg. 60</t>
  </si>
  <si>
    <t>eg. $5,000</t>
  </si>
  <si>
    <t>Property / rentals</t>
  </si>
  <si>
    <t>eg. Rental on central 4-room HDB</t>
  </si>
  <si>
    <t>eg. $2,500</t>
  </si>
  <si>
    <t xml:space="preserve">The amount you'll receive depends on many factors. Refer to this estimator for a gauge on what this sum will be: https://www.cpf.gov.sg/eSvc/Web/Schemes/LifeEstimator/LifeEstimator </t>
  </si>
  <si>
    <t xml:space="preserve">/month paid out over </t>
  </si>
  <si>
    <t>years</t>
  </si>
  <si>
    <t>eg. 20</t>
  </si>
  <si>
    <t>eg. $1,730</t>
  </si>
  <si>
    <t xml:space="preserve">eg. RevoRetire </t>
  </si>
  <si>
    <t>eg. 80</t>
  </si>
  <si>
    <t>Till what age are you planning for?</t>
  </si>
  <si>
    <t>Assuming you paid $26,102 x 5 years from age 40; more details on how RevoRetire works here: https://www.income.com.sg/savings-and-investments/revoretire</t>
  </si>
  <si>
    <t>Interest or dividends from investments</t>
  </si>
  <si>
    <t>eg. Dividend stocks, bonds</t>
  </si>
  <si>
    <t>Bank interest rates are typically lower than what you would get from a retirement plan or investments, but can still contribute to your passive income.</t>
  </si>
  <si>
    <t>eg. $300,000 deposit at 2% per annum</t>
  </si>
  <si>
    <t>eg. $500</t>
  </si>
  <si>
    <t>eg. $400</t>
  </si>
  <si>
    <t>Payouts are usually on a quarterly or annual basis, so make sure to break it down to how much you'll get per month to see how this fits into your monthly passive income. How much you receive depends on your portfolio.</t>
  </si>
  <si>
    <t>Interest from your bank deposits</t>
  </si>
  <si>
    <t>Include any overseas properties you may have as well.</t>
  </si>
  <si>
    <t>Total monthly income</t>
  </si>
  <si>
    <t>If this sum falls below your desired monthly income, take some time to evaluate where you can increase or create new streams of passive income. For expert advise, consider speaking to a financial planner: https://www.income.com.sg/adviser-connect</t>
  </si>
  <si>
    <t>Think about how much you'll likely need to cover your monthly expenses and the kind of lifestyle you'd like to live: Will your mortgage be paid off by your retirement age? Will you still have people to support on a monthly basis? Would you also like to travel every now and then?</t>
  </si>
  <si>
    <t>Other savings goals</t>
  </si>
  <si>
    <t xml:space="preserve">Besides your monthly expenses, try thinking about any major milestones or one-off expenses that you might want to plan ahead for. This could be a round-the-world trip you always dreamed of taking with your spouse, or a generous wedding gift you hope to give to each child. By listing these early, you'll be able to work towards saving up for them bit-by-bit. </t>
  </si>
  <si>
    <t>Goal</t>
  </si>
  <si>
    <t>Amount</t>
  </si>
  <si>
    <t>Game plan</t>
  </si>
  <si>
    <t>eg. round-the-world trip for 50th birthday</t>
  </si>
  <si>
    <t>eg. $30,000</t>
  </si>
  <si>
    <t>Due</t>
  </si>
  <si>
    <t xml:space="preserve">Retirement Income Planning Sheet </t>
  </si>
  <si>
    <t>eg. Limited Pay Revosave 
($650/month, 10 years)</t>
  </si>
  <si>
    <t>eg. 10 years</t>
  </si>
  <si>
    <t>There are many plans you may consider to save to your goals, besides using pure cash savings. For expert advice, consider speaking to a financial planner: https://www.income.com.sg/adviser-connect; or consult our digital adviser: https://asksage.income.com.sg/</t>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6" formatCode="&quot;$&quot;#,##0;[Red]\-&quot;$&quot;#,##0"/>
    <numFmt numFmtId="44" formatCode="_-&quot;$&quot;* #,##0.00_-;\-&quot;$&quot;* #,##0.00_-;_-&quot;$&quot;* &quot;-&quot;??_-;_-@_-"/>
  </numFmts>
  <fonts count="12" x14ac:knownFonts="1">
    <font>
      <sz val="11"/>
      <color theme="1"/>
      <name val="Calibri"/>
      <family val="2"/>
      <scheme val="minor"/>
    </font>
    <font>
      <sz val="11"/>
      <color theme="1"/>
      <name val="Calibri"/>
      <family val="2"/>
      <scheme val="minor"/>
    </font>
    <font>
      <b/>
      <sz val="14"/>
      <name val="Calibri"/>
      <family val="2"/>
      <scheme val="minor"/>
    </font>
    <font>
      <sz val="11"/>
      <color rgb="FFFF0000"/>
      <name val="Calibri"/>
      <family val="2"/>
      <scheme val="minor"/>
    </font>
    <font>
      <b/>
      <sz val="9"/>
      <name val="Calibri"/>
      <family val="2"/>
      <scheme val="minor"/>
    </font>
    <font>
      <sz val="9"/>
      <color rgb="FFFF0000"/>
      <name val="Calibri"/>
      <family val="2"/>
      <scheme val="minor"/>
    </font>
    <font>
      <i/>
      <sz val="9"/>
      <color theme="5" tint="0.39997558519241921"/>
      <name val="Calibri"/>
      <family val="2"/>
      <scheme val="minor"/>
    </font>
    <font>
      <sz val="9"/>
      <color theme="1"/>
      <name val="Calibri"/>
      <family val="2"/>
      <scheme val="minor"/>
    </font>
    <font>
      <i/>
      <sz val="9"/>
      <color theme="0" tint="-0.499984740745262"/>
      <name val="Calibri"/>
      <family val="2"/>
      <scheme val="minor"/>
    </font>
    <font>
      <sz val="9"/>
      <name val="Calibri"/>
      <family val="2"/>
      <scheme val="minor"/>
    </font>
    <font>
      <b/>
      <sz val="9"/>
      <color rgb="FFFF6600"/>
      <name val="Calibri"/>
      <family val="2"/>
      <scheme val="minor"/>
    </font>
    <font>
      <b/>
      <sz val="9"/>
      <color theme="1"/>
      <name val="Calibri"/>
      <family val="2"/>
      <scheme val="minor"/>
    </font>
  </fonts>
  <fills count="3">
    <fill>
      <patternFill patternType="none"/>
    </fill>
    <fill>
      <patternFill patternType="gray125"/>
    </fill>
    <fill>
      <patternFill patternType="solid">
        <fgColor theme="5" tint="0.79998168889431442"/>
        <bgColor indexed="64"/>
      </patternFill>
    </fill>
  </fills>
  <borders count="5">
    <border>
      <left/>
      <right/>
      <top/>
      <bottom/>
      <diagonal/>
    </border>
    <border>
      <left/>
      <right/>
      <top style="thin">
        <color theme="0" tint="-0.34998626667073579"/>
      </top>
      <bottom style="thin">
        <color theme="0" tint="-0.34998626667073579"/>
      </bottom>
      <diagonal/>
    </border>
    <border>
      <left/>
      <right/>
      <top style="thin">
        <color theme="0" tint="-0.34998626667073579"/>
      </top>
      <bottom/>
      <diagonal/>
    </border>
    <border>
      <left/>
      <right/>
      <top/>
      <bottom style="thin">
        <color theme="0" tint="-0.34998626667073579"/>
      </bottom>
      <diagonal/>
    </border>
    <border>
      <left style="thin">
        <color theme="0" tint="-0.34998626667073579"/>
      </left>
      <right style="thin">
        <color theme="0" tint="-0.34998626667073579"/>
      </right>
      <top style="thin">
        <color theme="0" tint="-0.34998626667073579"/>
      </top>
      <bottom style="thin">
        <color theme="0" tint="-0.34998626667073579"/>
      </bottom>
      <diagonal/>
    </border>
  </borders>
  <cellStyleXfs count="2">
    <xf numFmtId="0" fontId="0" fillId="0" borderId="0"/>
    <xf numFmtId="44" fontId="1" fillId="0" borderId="0" applyFont="0" applyFill="0" applyBorder="0" applyAlignment="0" applyProtection="0"/>
  </cellStyleXfs>
  <cellXfs count="48">
    <xf numFmtId="0" fontId="0" fillId="0" borderId="0" xfId="0"/>
    <xf numFmtId="0" fontId="4" fillId="2" borderId="0" xfId="0" applyFont="1" applyFill="1" applyAlignment="1">
      <alignment horizontal="left" vertical="center"/>
    </xf>
    <xf numFmtId="0" fontId="5" fillId="2" borderId="0" xfId="0" applyFont="1" applyFill="1" applyAlignment="1">
      <alignment horizontal="left" vertical="center"/>
    </xf>
    <xf numFmtId="0" fontId="7" fillId="2" borderId="0" xfId="0" applyFont="1" applyFill="1" applyAlignment="1">
      <alignment horizontal="left" vertical="center"/>
    </xf>
    <xf numFmtId="0" fontId="7" fillId="0" borderId="0" xfId="0" applyFont="1" applyAlignment="1">
      <alignment horizontal="left" vertical="center"/>
    </xf>
    <xf numFmtId="0" fontId="8" fillId="0" borderId="0" xfId="0" applyFont="1" applyAlignment="1">
      <alignment vertical="center" wrapText="1"/>
    </xf>
    <xf numFmtId="0" fontId="9" fillId="0" borderId="0" xfId="0" applyFont="1" applyAlignment="1">
      <alignment horizontal="left" vertical="center"/>
    </xf>
    <xf numFmtId="0" fontId="9" fillId="2" borderId="0" xfId="0" applyFont="1" applyFill="1" applyAlignment="1">
      <alignment horizontal="left" vertical="center"/>
    </xf>
    <xf numFmtId="6" fontId="9" fillId="2" borderId="0" xfId="0" applyNumberFormat="1" applyFont="1" applyFill="1" applyBorder="1" applyAlignment="1">
      <alignment horizontal="left" vertical="center"/>
    </xf>
    <xf numFmtId="0" fontId="4" fillId="0" borderId="0" xfId="0" applyFont="1" applyAlignment="1">
      <alignment horizontal="left" vertical="center"/>
    </xf>
    <xf numFmtId="0" fontId="8" fillId="0" borderId="0" xfId="0" applyFont="1" applyAlignment="1">
      <alignment horizontal="left" vertical="center" wrapText="1"/>
    </xf>
    <xf numFmtId="0" fontId="6" fillId="0" borderId="0" xfId="0" applyFont="1" applyAlignment="1">
      <alignment horizontal="left" vertical="center"/>
    </xf>
    <xf numFmtId="0" fontId="9" fillId="0" borderId="0" xfId="0" applyFont="1" applyFill="1" applyBorder="1" applyAlignment="1">
      <alignment horizontal="left" vertical="center" indent="1"/>
    </xf>
    <xf numFmtId="0" fontId="9" fillId="0" borderId="0" xfId="1" applyNumberFormat="1" applyFont="1" applyBorder="1" applyAlignment="1">
      <alignment horizontal="left" vertical="center"/>
    </xf>
    <xf numFmtId="0" fontId="7" fillId="0" borderId="0" xfId="0" applyFont="1" applyBorder="1" applyAlignment="1">
      <alignment horizontal="left" vertical="center"/>
    </xf>
    <xf numFmtId="0" fontId="10" fillId="2" borderId="0" xfId="0" applyFont="1" applyFill="1" applyAlignment="1">
      <alignment horizontal="left" vertical="center"/>
    </xf>
    <xf numFmtId="0" fontId="10" fillId="0" borderId="0" xfId="0" applyFont="1" applyAlignment="1">
      <alignment horizontal="left" vertical="center"/>
    </xf>
    <xf numFmtId="0" fontId="8" fillId="0" borderId="0" xfId="0" applyFont="1" applyAlignment="1">
      <alignment vertical="top" wrapText="1"/>
    </xf>
    <xf numFmtId="0" fontId="2" fillId="0" borderId="0" xfId="0" applyFont="1" applyAlignment="1">
      <alignment horizontal="left" vertical="center"/>
    </xf>
    <xf numFmtId="0" fontId="3" fillId="2" borderId="0" xfId="0" applyFont="1" applyFill="1" applyAlignment="1">
      <alignment horizontal="left" vertical="center"/>
    </xf>
    <xf numFmtId="0" fontId="0" fillId="2" borderId="0" xfId="0" applyFont="1" applyFill="1" applyAlignment="1">
      <alignment horizontal="left" vertical="center"/>
    </xf>
    <xf numFmtId="0" fontId="5" fillId="2" borderId="0" xfId="0" applyFont="1" applyFill="1" applyBorder="1" applyAlignment="1">
      <alignment horizontal="left" vertical="center"/>
    </xf>
    <xf numFmtId="0" fontId="7" fillId="2" borderId="0" xfId="0" applyFont="1" applyFill="1" applyBorder="1" applyAlignment="1">
      <alignment horizontal="left" vertical="center"/>
    </xf>
    <xf numFmtId="0" fontId="6" fillId="2" borderId="0" xfId="0" applyFont="1" applyFill="1" applyBorder="1" applyAlignment="1">
      <alignment vertical="center"/>
    </xf>
    <xf numFmtId="0" fontId="6" fillId="0" borderId="0" xfId="0" applyFont="1" applyBorder="1" applyAlignment="1">
      <alignment vertical="center" wrapText="1"/>
    </xf>
    <xf numFmtId="0" fontId="6" fillId="2" borderId="1" xfId="0" applyFont="1" applyFill="1" applyBorder="1" applyAlignment="1">
      <alignment vertical="center"/>
    </xf>
    <xf numFmtId="6" fontId="6" fillId="2" borderId="3" xfId="0" applyNumberFormat="1" applyFont="1" applyFill="1" applyBorder="1" applyAlignment="1">
      <alignment horizontal="left" vertical="center"/>
    </xf>
    <xf numFmtId="0" fontId="7" fillId="0" borderId="3" xfId="0" applyFont="1" applyBorder="1" applyAlignment="1">
      <alignment horizontal="left" vertical="center"/>
    </xf>
    <xf numFmtId="0" fontId="6" fillId="0" borderId="3" xfId="0" applyFont="1" applyBorder="1" applyAlignment="1">
      <alignment horizontal="left" vertical="center" indent="1"/>
    </xf>
    <xf numFmtId="0" fontId="9" fillId="0" borderId="3" xfId="0" applyFont="1" applyFill="1" applyBorder="1" applyAlignment="1">
      <alignment horizontal="left" vertical="center" indent="1"/>
    </xf>
    <xf numFmtId="0" fontId="9" fillId="0" borderId="1" xfId="0" applyFont="1" applyFill="1" applyBorder="1" applyAlignment="1">
      <alignment horizontal="left" vertical="center" indent="1"/>
    </xf>
    <xf numFmtId="0" fontId="9" fillId="0" borderId="3" xfId="1" applyNumberFormat="1" applyFont="1" applyBorder="1" applyAlignment="1">
      <alignment horizontal="left" vertical="center"/>
    </xf>
    <xf numFmtId="0" fontId="9" fillId="0" borderId="1" xfId="1" applyNumberFormat="1" applyFont="1" applyBorder="1" applyAlignment="1">
      <alignment horizontal="left" vertical="center"/>
    </xf>
    <xf numFmtId="0" fontId="6" fillId="0" borderId="3" xfId="0" applyFont="1" applyBorder="1" applyAlignment="1">
      <alignment horizontal="left" vertical="center"/>
    </xf>
    <xf numFmtId="0" fontId="6" fillId="0" borderId="3" xfId="1" applyNumberFormat="1" applyFont="1" applyBorder="1" applyAlignment="1">
      <alignment horizontal="left" vertical="center"/>
    </xf>
    <xf numFmtId="0" fontId="9" fillId="0" borderId="2" xfId="1" applyNumberFormat="1" applyFont="1" applyBorder="1" applyAlignment="1">
      <alignment horizontal="left" vertical="center"/>
    </xf>
    <xf numFmtId="0" fontId="6" fillId="0" borderId="0" xfId="0" applyFont="1" applyBorder="1" applyAlignment="1">
      <alignment horizontal="left" vertical="center" indent="1"/>
    </xf>
    <xf numFmtId="0" fontId="6" fillId="0" borderId="0" xfId="1" applyNumberFormat="1" applyFont="1" applyBorder="1" applyAlignment="1">
      <alignment horizontal="left" vertical="center"/>
    </xf>
    <xf numFmtId="0" fontId="9" fillId="0" borderId="2" xfId="0" applyFont="1" applyBorder="1" applyAlignment="1">
      <alignment horizontal="left" vertical="center" indent="1"/>
    </xf>
    <xf numFmtId="0" fontId="9" fillId="0" borderId="2" xfId="0" applyFont="1" applyBorder="1" applyAlignment="1">
      <alignment horizontal="left" vertical="center"/>
    </xf>
    <xf numFmtId="0" fontId="7" fillId="0" borderId="1" xfId="0" applyFont="1" applyBorder="1" applyAlignment="1">
      <alignment horizontal="left" vertical="center"/>
    </xf>
    <xf numFmtId="0" fontId="4" fillId="2" borderId="3" xfId="0" applyFont="1" applyFill="1" applyBorder="1" applyAlignment="1">
      <alignment horizontal="left" vertical="center"/>
    </xf>
    <xf numFmtId="0" fontId="11" fillId="0" borderId="4" xfId="0" applyFont="1" applyBorder="1" applyAlignment="1">
      <alignment horizontal="center" vertical="center"/>
    </xf>
    <xf numFmtId="0" fontId="8" fillId="0" borderId="0" xfId="0" applyFont="1" applyAlignment="1">
      <alignment horizontal="left" vertical="top" wrapText="1"/>
    </xf>
    <xf numFmtId="0" fontId="7" fillId="0" borderId="4" xfId="0" applyFont="1" applyBorder="1" applyAlignment="1">
      <alignment horizontal="center" vertical="center"/>
    </xf>
    <xf numFmtId="0" fontId="6" fillId="0" borderId="4" xfId="0" applyFont="1" applyBorder="1" applyAlignment="1">
      <alignment horizontal="center" vertical="center" wrapText="1"/>
    </xf>
    <xf numFmtId="0" fontId="6" fillId="0" borderId="4" xfId="0" applyFont="1" applyBorder="1" applyAlignment="1">
      <alignment horizontal="center" vertical="center"/>
    </xf>
    <xf numFmtId="0" fontId="8" fillId="0" borderId="0" xfId="0" applyFont="1" applyAlignment="1">
      <alignment horizontal="left" vertical="top"/>
    </xf>
  </cellXfs>
  <cellStyles count="2">
    <cellStyle name="Currency" xfId="1" builtinId="4"/>
    <cellStyle name="Normal" xfId="0" builtinId="0"/>
  </cellStyles>
  <dxfs count="0"/>
  <tableStyles count="0" defaultTableStyle="TableStyleMedium2" defaultPivotStyle="PivotStyleLight16"/>
  <colors>
    <mruColors>
      <color rgb="FFFF66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H46"/>
  <sheetViews>
    <sheetView showGridLines="0" zoomScale="120" zoomScaleNormal="120" zoomScaleSheetLayoutView="115" workbookViewId="0">
      <selection activeCell="S11" sqref="S11"/>
    </sheetView>
  </sheetViews>
  <sheetFormatPr defaultRowHeight="19.8" customHeight="1" x14ac:dyDescent="0.3"/>
  <cols>
    <col min="1" max="1" width="4.21875" style="4" customWidth="1"/>
    <col min="2" max="2" width="41.6640625" style="6" customWidth="1"/>
    <col min="3" max="3" width="1.44140625" style="4" customWidth="1"/>
    <col min="4" max="4" width="11.5546875" style="4" customWidth="1"/>
    <col min="5" max="5" width="7.88671875" style="4" customWidth="1"/>
    <col min="6" max="6" width="8.109375" style="4" customWidth="1"/>
    <col min="7" max="7" width="6.77734375" style="4" customWidth="1"/>
    <col min="8" max="8" width="5.6640625" style="4" customWidth="1"/>
    <col min="9" max="16384" width="8.88671875" style="4"/>
  </cols>
  <sheetData>
    <row r="2" spans="1:8" ht="19.8" customHeight="1" x14ac:dyDescent="0.3">
      <c r="B2" s="18" t="s">
        <v>42</v>
      </c>
    </row>
    <row r="3" spans="1:8" ht="19.8" customHeight="1" x14ac:dyDescent="0.3">
      <c r="D3" s="14"/>
    </row>
    <row r="4" spans="1:8" ht="19.8" customHeight="1" x14ac:dyDescent="0.3">
      <c r="A4" s="3"/>
      <c r="B4" s="1" t="s">
        <v>2</v>
      </c>
      <c r="C4" s="2"/>
      <c r="D4" s="23" t="s">
        <v>8</v>
      </c>
      <c r="E4" s="22" t="s">
        <v>3</v>
      </c>
      <c r="F4" s="3"/>
      <c r="G4" s="3"/>
      <c r="H4" s="3"/>
    </row>
    <row r="5" spans="1:8" ht="19.8" customHeight="1" x14ac:dyDescent="0.3">
      <c r="A5" s="3"/>
      <c r="B5" s="1" t="s">
        <v>20</v>
      </c>
      <c r="C5" s="21"/>
      <c r="D5" s="25" t="s">
        <v>19</v>
      </c>
      <c r="E5" s="22" t="s">
        <v>3</v>
      </c>
      <c r="F5" s="3"/>
      <c r="G5" s="3"/>
      <c r="H5" s="3"/>
    </row>
    <row r="6" spans="1:8" ht="19.8" customHeight="1" x14ac:dyDescent="0.3">
      <c r="B6" s="5"/>
      <c r="C6" s="5"/>
      <c r="D6" s="24"/>
      <c r="E6" s="5"/>
    </row>
    <row r="7" spans="1:8" ht="19.8" customHeight="1" x14ac:dyDescent="0.3">
      <c r="A7" s="3"/>
      <c r="B7" s="1" t="s">
        <v>0</v>
      </c>
      <c r="C7" s="2"/>
      <c r="D7" s="26" t="s">
        <v>9</v>
      </c>
      <c r="E7" s="3" t="s">
        <v>1</v>
      </c>
      <c r="F7" s="3"/>
      <c r="G7" s="3"/>
      <c r="H7" s="3"/>
    </row>
    <row r="8" spans="1:8" ht="19.8" customHeight="1" x14ac:dyDescent="0.3">
      <c r="B8" s="43" t="s">
        <v>33</v>
      </c>
      <c r="C8" s="43"/>
      <c r="D8" s="43"/>
      <c r="E8" s="43"/>
      <c r="F8" s="43"/>
      <c r="G8" s="43"/>
      <c r="H8" s="17"/>
    </row>
    <row r="9" spans="1:8" ht="19.8" customHeight="1" x14ac:dyDescent="0.3">
      <c r="B9" s="43"/>
      <c r="C9" s="43"/>
      <c r="D9" s="43"/>
      <c r="E9" s="43"/>
      <c r="F9" s="43"/>
      <c r="G9" s="43"/>
      <c r="H9" s="17"/>
    </row>
    <row r="10" spans="1:8" ht="19.8" customHeight="1" x14ac:dyDescent="0.3">
      <c r="B10" s="43"/>
      <c r="C10" s="43"/>
      <c r="D10" s="43"/>
      <c r="E10" s="43"/>
      <c r="F10" s="43"/>
      <c r="G10" s="43"/>
      <c r="H10" s="17"/>
    </row>
    <row r="11" spans="1:8" ht="19.8" customHeight="1" x14ac:dyDescent="0.3">
      <c r="A11" s="3"/>
      <c r="B11" s="1" t="s">
        <v>4</v>
      </c>
      <c r="C11" s="7"/>
      <c r="D11" s="8"/>
      <c r="E11" s="7"/>
      <c r="F11" s="3"/>
      <c r="G11" s="3"/>
      <c r="H11" s="3"/>
    </row>
    <row r="12" spans="1:8" ht="19.8" customHeight="1" x14ac:dyDescent="0.3">
      <c r="B12" s="43" t="s">
        <v>5</v>
      </c>
      <c r="C12" s="43"/>
      <c r="D12" s="43"/>
      <c r="E12" s="43"/>
      <c r="F12" s="43"/>
      <c r="G12" s="43"/>
      <c r="H12" s="17"/>
    </row>
    <row r="13" spans="1:8" ht="19.8" customHeight="1" x14ac:dyDescent="0.3">
      <c r="B13" s="43"/>
      <c r="C13" s="43"/>
      <c r="D13" s="43"/>
      <c r="E13" s="43"/>
      <c r="F13" s="43"/>
      <c r="G13" s="43"/>
      <c r="H13" s="17"/>
    </row>
    <row r="14" spans="1:8" ht="19.8" customHeight="1" x14ac:dyDescent="0.3">
      <c r="B14" s="9" t="s">
        <v>6</v>
      </c>
      <c r="D14" s="27"/>
      <c r="E14" s="4" t="s">
        <v>1</v>
      </c>
      <c r="G14" s="10"/>
      <c r="H14" s="10"/>
    </row>
    <row r="15" spans="1:8" ht="19.8" customHeight="1" x14ac:dyDescent="0.3">
      <c r="B15" s="43" t="s">
        <v>13</v>
      </c>
      <c r="C15" s="43"/>
      <c r="D15" s="43"/>
      <c r="E15" s="43"/>
      <c r="F15" s="43"/>
      <c r="G15" s="43"/>
      <c r="H15" s="17"/>
    </row>
    <row r="16" spans="1:8" ht="19.8" customHeight="1" x14ac:dyDescent="0.3">
      <c r="B16" s="43"/>
      <c r="C16" s="43"/>
      <c r="D16" s="43"/>
      <c r="E16" s="43"/>
      <c r="F16" s="43"/>
      <c r="G16" s="43"/>
      <c r="H16" s="17"/>
    </row>
    <row r="17" spans="2:8" ht="19.8" customHeight="1" x14ac:dyDescent="0.3">
      <c r="B17" s="9" t="s">
        <v>7</v>
      </c>
      <c r="D17" s="10"/>
      <c r="E17" s="10"/>
      <c r="G17" s="10"/>
      <c r="H17" s="10"/>
    </row>
    <row r="18" spans="2:8" ht="19.8" customHeight="1" x14ac:dyDescent="0.3">
      <c r="B18" s="28" t="s">
        <v>18</v>
      </c>
      <c r="C18" s="11"/>
      <c r="D18" s="34" t="s">
        <v>17</v>
      </c>
      <c r="E18" s="4" t="s">
        <v>14</v>
      </c>
      <c r="G18" s="33" t="s">
        <v>16</v>
      </c>
      <c r="H18" s="4" t="s">
        <v>15</v>
      </c>
    </row>
    <row r="19" spans="2:8" ht="19.8" customHeight="1" x14ac:dyDescent="0.3">
      <c r="B19" s="43" t="s">
        <v>21</v>
      </c>
      <c r="C19" s="43"/>
      <c r="D19" s="43"/>
      <c r="E19" s="43"/>
      <c r="F19" s="43"/>
      <c r="G19" s="43"/>
      <c r="H19" s="17"/>
    </row>
    <row r="20" spans="2:8" ht="14.4" customHeight="1" x14ac:dyDescent="0.3">
      <c r="B20" s="43"/>
      <c r="C20" s="43"/>
      <c r="D20" s="43"/>
      <c r="E20" s="43"/>
      <c r="F20" s="43"/>
      <c r="G20" s="43"/>
      <c r="H20" s="17"/>
    </row>
    <row r="21" spans="2:8" ht="19.8" customHeight="1" x14ac:dyDescent="0.3">
      <c r="B21" s="29"/>
      <c r="D21" s="31"/>
      <c r="E21" s="4" t="s">
        <v>14</v>
      </c>
      <c r="G21" s="31"/>
      <c r="H21" s="4" t="s">
        <v>15</v>
      </c>
    </row>
    <row r="22" spans="2:8" ht="19.8" customHeight="1" x14ac:dyDescent="0.3">
      <c r="B22" s="30"/>
      <c r="D22" s="32"/>
      <c r="E22" s="4" t="s">
        <v>14</v>
      </c>
      <c r="G22" s="32"/>
      <c r="H22" s="4" t="s">
        <v>15</v>
      </c>
    </row>
    <row r="23" spans="2:8" ht="19.8" customHeight="1" x14ac:dyDescent="0.3">
      <c r="B23" s="12"/>
      <c r="D23" s="13"/>
      <c r="G23" s="13"/>
    </row>
    <row r="24" spans="2:8" ht="19.8" customHeight="1" x14ac:dyDescent="0.3">
      <c r="B24" s="9" t="s">
        <v>29</v>
      </c>
      <c r="D24" s="10"/>
      <c r="E24" s="10"/>
      <c r="G24" s="13"/>
    </row>
    <row r="25" spans="2:8" ht="19.8" customHeight="1" x14ac:dyDescent="0.3">
      <c r="B25" s="43" t="s">
        <v>24</v>
      </c>
      <c r="C25" s="43"/>
      <c r="D25" s="43"/>
      <c r="E25" s="43"/>
      <c r="F25" s="43"/>
      <c r="G25" s="43"/>
      <c r="H25" s="17"/>
    </row>
    <row r="26" spans="2:8" ht="19.8" customHeight="1" x14ac:dyDescent="0.3">
      <c r="B26" s="43"/>
      <c r="C26" s="43"/>
      <c r="D26" s="43"/>
      <c r="E26" s="43"/>
      <c r="F26" s="43"/>
      <c r="G26" s="43"/>
      <c r="H26" s="17"/>
    </row>
    <row r="27" spans="2:8" ht="19.8" customHeight="1" x14ac:dyDescent="0.3">
      <c r="B27" s="28" t="s">
        <v>25</v>
      </c>
      <c r="C27" s="11"/>
      <c r="D27" s="34" t="s">
        <v>26</v>
      </c>
      <c r="E27" s="4" t="s">
        <v>1</v>
      </c>
      <c r="G27" s="13"/>
    </row>
    <row r="28" spans="2:8" ht="19.8" customHeight="1" x14ac:dyDescent="0.3">
      <c r="B28" s="30"/>
      <c r="D28" s="13"/>
      <c r="E28" s="4" t="s">
        <v>1</v>
      </c>
      <c r="G28" s="13"/>
    </row>
    <row r="29" spans="2:8" ht="19.8" customHeight="1" x14ac:dyDescent="0.3">
      <c r="B29" s="30"/>
      <c r="D29" s="35"/>
      <c r="E29" s="4" t="s">
        <v>1</v>
      </c>
      <c r="G29" s="13"/>
    </row>
    <row r="30" spans="2:8" ht="19.8" customHeight="1" x14ac:dyDescent="0.3">
      <c r="B30" s="12"/>
      <c r="D30" s="35"/>
      <c r="G30" s="13"/>
    </row>
    <row r="31" spans="2:8" ht="19.8" customHeight="1" x14ac:dyDescent="0.3">
      <c r="B31" s="9" t="s">
        <v>22</v>
      </c>
      <c r="D31" s="10"/>
      <c r="E31" s="10"/>
      <c r="G31" s="10"/>
      <c r="H31" s="10"/>
    </row>
    <row r="32" spans="2:8" ht="19.8" customHeight="1" x14ac:dyDescent="0.3">
      <c r="B32" s="43" t="s">
        <v>28</v>
      </c>
      <c r="C32" s="43"/>
      <c r="D32" s="43"/>
      <c r="E32" s="43"/>
      <c r="F32" s="43"/>
      <c r="G32" s="43"/>
      <c r="H32" s="17"/>
    </row>
    <row r="33" spans="1:8" ht="19.8" customHeight="1" x14ac:dyDescent="0.3">
      <c r="B33" s="43"/>
      <c r="C33" s="43"/>
      <c r="D33" s="43"/>
      <c r="E33" s="43"/>
      <c r="F33" s="43"/>
      <c r="G33" s="43"/>
      <c r="H33" s="17"/>
    </row>
    <row r="34" spans="1:8" ht="19.8" customHeight="1" x14ac:dyDescent="0.3">
      <c r="B34" s="36" t="s">
        <v>23</v>
      </c>
      <c r="C34" s="11"/>
      <c r="D34" s="37" t="s">
        <v>27</v>
      </c>
      <c r="E34" s="4" t="s">
        <v>1</v>
      </c>
      <c r="G34" s="10"/>
    </row>
    <row r="35" spans="1:8" ht="19.8" customHeight="1" x14ac:dyDescent="0.3">
      <c r="B35" s="30"/>
      <c r="D35" s="35"/>
      <c r="E35" s="4" t="s">
        <v>1</v>
      </c>
      <c r="G35" s="10"/>
    </row>
    <row r="36" spans="1:8" ht="19.8" customHeight="1" x14ac:dyDescent="0.3">
      <c r="B36" s="30"/>
      <c r="D36" s="32"/>
      <c r="E36" s="4" t="s">
        <v>1</v>
      </c>
      <c r="G36" s="10"/>
    </row>
    <row r="37" spans="1:8" ht="19.8" customHeight="1" x14ac:dyDescent="0.3">
      <c r="D37" s="14"/>
      <c r="G37" s="10"/>
      <c r="H37" s="10"/>
    </row>
    <row r="38" spans="1:8" ht="19.8" customHeight="1" x14ac:dyDescent="0.3">
      <c r="B38" s="9" t="s">
        <v>10</v>
      </c>
      <c r="D38" s="10"/>
      <c r="E38" s="10"/>
      <c r="G38" s="10"/>
      <c r="H38" s="10"/>
    </row>
    <row r="39" spans="1:8" ht="19.8" customHeight="1" x14ac:dyDescent="0.3">
      <c r="B39" s="47" t="s">
        <v>30</v>
      </c>
      <c r="C39" s="47"/>
      <c r="D39" s="47"/>
      <c r="E39" s="47"/>
      <c r="F39" s="47"/>
      <c r="G39" s="47"/>
      <c r="H39" s="47"/>
    </row>
    <row r="40" spans="1:8" ht="19.8" customHeight="1" x14ac:dyDescent="0.3">
      <c r="B40" s="36" t="s">
        <v>11</v>
      </c>
      <c r="C40" s="11"/>
      <c r="D40" s="37" t="s">
        <v>12</v>
      </c>
      <c r="E40" s="4" t="s">
        <v>1</v>
      </c>
      <c r="G40" s="10"/>
      <c r="H40" s="10"/>
    </row>
    <row r="41" spans="1:8" ht="19.8" customHeight="1" x14ac:dyDescent="0.3">
      <c r="B41" s="38"/>
      <c r="D41" s="40"/>
      <c r="E41" s="4" t="s">
        <v>1</v>
      </c>
      <c r="G41" s="10"/>
      <c r="H41" s="10"/>
    </row>
    <row r="42" spans="1:8" ht="19.8" customHeight="1" x14ac:dyDescent="0.3">
      <c r="B42" s="38"/>
      <c r="D42" s="27"/>
      <c r="E42" s="4" t="s">
        <v>1</v>
      </c>
    </row>
    <row r="43" spans="1:8" ht="19.8" customHeight="1" x14ac:dyDescent="0.3">
      <c r="B43" s="39"/>
      <c r="D43" s="14"/>
    </row>
    <row r="44" spans="1:8" s="16" customFormat="1" ht="19.8" customHeight="1" x14ac:dyDescent="0.3">
      <c r="A44" s="3"/>
      <c r="B44" s="1" t="s">
        <v>31</v>
      </c>
      <c r="C44" s="1"/>
      <c r="D44" s="41"/>
      <c r="E44" s="1" t="s">
        <v>1</v>
      </c>
      <c r="F44" s="15"/>
      <c r="G44" s="15"/>
      <c r="H44" s="15"/>
    </row>
    <row r="45" spans="1:8" ht="19.8" customHeight="1" x14ac:dyDescent="0.3">
      <c r="B45" s="43" t="s">
        <v>32</v>
      </c>
      <c r="C45" s="43"/>
      <c r="D45" s="43"/>
      <c r="E45" s="43"/>
      <c r="F45" s="43"/>
      <c r="G45" s="43"/>
      <c r="H45" s="17"/>
    </row>
    <row r="46" spans="1:8" ht="19.8" customHeight="1" x14ac:dyDescent="0.3">
      <c r="B46" s="43"/>
      <c r="C46" s="43"/>
      <c r="D46" s="43"/>
      <c r="E46" s="43"/>
      <c r="F46" s="43"/>
      <c r="G46" s="43"/>
      <c r="H46" s="17"/>
    </row>
  </sheetData>
  <mergeCells count="8">
    <mergeCell ref="B15:G16"/>
    <mergeCell ref="B12:G13"/>
    <mergeCell ref="B8:G10"/>
    <mergeCell ref="B45:G46"/>
    <mergeCell ref="B39:H39"/>
    <mergeCell ref="B32:G33"/>
    <mergeCell ref="B25:G26"/>
    <mergeCell ref="B19:G20"/>
  </mergeCells>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F44"/>
  <sheetViews>
    <sheetView showGridLines="0" tabSelected="1" topLeftCell="A4" zoomScale="120" zoomScaleNormal="120" zoomScaleSheetLayoutView="115" workbookViewId="0">
      <selection activeCell="N12" sqref="N12"/>
    </sheetView>
  </sheetViews>
  <sheetFormatPr defaultRowHeight="19.8" customHeight="1" x14ac:dyDescent="0.3"/>
  <cols>
    <col min="1" max="1" width="3.77734375" style="4" customWidth="1"/>
    <col min="2" max="2" width="29.88671875" style="4" customWidth="1"/>
    <col min="3" max="3" width="11" style="4" bestFit="1" customWidth="1"/>
    <col min="4" max="4" width="10.6640625" style="4" customWidth="1"/>
    <col min="5" max="5" width="27.109375" style="4" customWidth="1"/>
    <col min="6" max="6" width="3.44140625" style="4" customWidth="1"/>
    <col min="7" max="16384" width="8.88671875" style="4"/>
  </cols>
  <sheetData>
    <row r="2" spans="1:6" ht="19.8" customHeight="1" x14ac:dyDescent="0.3">
      <c r="A2" s="20"/>
      <c r="B2" s="1" t="s">
        <v>34</v>
      </c>
      <c r="C2" s="19"/>
      <c r="D2" s="20"/>
      <c r="E2" s="20"/>
      <c r="F2" s="20"/>
    </row>
    <row r="3" spans="1:6" ht="19.8" customHeight="1" x14ac:dyDescent="0.3">
      <c r="B3" s="43" t="s">
        <v>35</v>
      </c>
      <c r="C3" s="43"/>
      <c r="D3" s="43"/>
      <c r="E3" s="43"/>
      <c r="F3" s="17"/>
    </row>
    <row r="4" spans="1:6" ht="19.8" customHeight="1" x14ac:dyDescent="0.3">
      <c r="B4" s="43"/>
      <c r="C4" s="43"/>
      <c r="D4" s="43"/>
      <c r="E4" s="43"/>
      <c r="F4" s="17"/>
    </row>
    <row r="5" spans="1:6" ht="19.8" customHeight="1" x14ac:dyDescent="0.3">
      <c r="B5" s="43"/>
      <c r="C5" s="43"/>
      <c r="D5" s="43"/>
      <c r="E5" s="43"/>
      <c r="F5" s="17"/>
    </row>
    <row r="7" spans="1:6" ht="19.8" customHeight="1" x14ac:dyDescent="0.3">
      <c r="B7" s="42" t="s">
        <v>36</v>
      </c>
      <c r="C7" s="42" t="s">
        <v>37</v>
      </c>
      <c r="D7" s="42" t="s">
        <v>41</v>
      </c>
      <c r="E7" s="42" t="s">
        <v>38</v>
      </c>
    </row>
    <row r="8" spans="1:6" ht="19.8" customHeight="1" x14ac:dyDescent="0.3">
      <c r="B8" s="46" t="s">
        <v>39</v>
      </c>
      <c r="C8" s="46" t="s">
        <v>40</v>
      </c>
      <c r="D8" s="46" t="s">
        <v>44</v>
      </c>
      <c r="E8" s="45" t="s">
        <v>43</v>
      </c>
    </row>
    <row r="9" spans="1:6" ht="19.8" customHeight="1" x14ac:dyDescent="0.3">
      <c r="B9" s="46"/>
      <c r="C9" s="46"/>
      <c r="D9" s="46"/>
      <c r="E9" s="45"/>
    </row>
    <row r="10" spans="1:6" ht="19.8" customHeight="1" x14ac:dyDescent="0.3">
      <c r="B10" s="44"/>
      <c r="C10" s="44"/>
      <c r="D10" s="44"/>
      <c r="E10" s="44"/>
    </row>
    <row r="11" spans="1:6" ht="19.8" customHeight="1" x14ac:dyDescent="0.3">
      <c r="B11" s="44"/>
      <c r="C11" s="44"/>
      <c r="D11" s="44"/>
      <c r="E11" s="44"/>
    </row>
    <row r="12" spans="1:6" ht="19.8" customHeight="1" x14ac:dyDescent="0.3">
      <c r="B12" s="44"/>
      <c r="C12" s="44"/>
      <c r="D12" s="44"/>
      <c r="E12" s="44"/>
    </row>
    <row r="13" spans="1:6" ht="19.8" customHeight="1" x14ac:dyDescent="0.3">
      <c r="B13" s="44"/>
      <c r="C13" s="44"/>
      <c r="D13" s="44"/>
      <c r="E13" s="44"/>
    </row>
    <row r="14" spans="1:6" ht="19.8" customHeight="1" x14ac:dyDescent="0.3">
      <c r="B14" s="44"/>
      <c r="C14" s="44"/>
      <c r="D14" s="44"/>
      <c r="E14" s="44"/>
    </row>
    <row r="15" spans="1:6" ht="19.8" customHeight="1" x14ac:dyDescent="0.3">
      <c r="B15" s="44"/>
      <c r="C15" s="44"/>
      <c r="D15" s="44"/>
      <c r="E15" s="44"/>
    </row>
    <row r="16" spans="1:6" ht="19.8" customHeight="1" x14ac:dyDescent="0.3">
      <c r="B16" s="44"/>
      <c r="C16" s="44"/>
      <c r="D16" s="44"/>
      <c r="E16" s="44"/>
    </row>
    <row r="17" spans="2:6" ht="19.8" customHeight="1" x14ac:dyDescent="0.3">
      <c r="B17" s="44"/>
      <c r="C17" s="44"/>
      <c r="D17" s="44"/>
      <c r="E17" s="44"/>
    </row>
    <row r="18" spans="2:6" ht="19.8" customHeight="1" x14ac:dyDescent="0.3">
      <c r="B18" s="44"/>
      <c r="C18" s="44"/>
      <c r="D18" s="44"/>
      <c r="E18" s="44"/>
    </row>
    <row r="19" spans="2:6" ht="19.8" customHeight="1" x14ac:dyDescent="0.3">
      <c r="B19" s="44"/>
      <c r="C19" s="44"/>
      <c r="D19" s="44"/>
      <c r="E19" s="44"/>
    </row>
    <row r="20" spans="2:6" ht="14.4" customHeight="1" x14ac:dyDescent="0.3">
      <c r="B20" s="44"/>
      <c r="C20" s="44"/>
      <c r="D20" s="44"/>
      <c r="E20" s="44"/>
    </row>
    <row r="21" spans="2:6" ht="19.8" customHeight="1" x14ac:dyDescent="0.3">
      <c r="B21" s="44"/>
      <c r="C21" s="44"/>
      <c r="D21" s="44"/>
      <c r="E21" s="44"/>
    </row>
    <row r="22" spans="2:6" ht="19.8" customHeight="1" x14ac:dyDescent="0.3">
      <c r="B22" s="44"/>
      <c r="C22" s="44"/>
      <c r="D22" s="44"/>
      <c r="E22" s="44"/>
    </row>
    <row r="23" spans="2:6" ht="19.8" customHeight="1" x14ac:dyDescent="0.3">
      <c r="B23" s="44"/>
      <c r="C23" s="44"/>
      <c r="D23" s="44"/>
      <c r="E23" s="44"/>
    </row>
    <row r="24" spans="2:6" ht="19.8" customHeight="1" x14ac:dyDescent="0.3">
      <c r="B24" s="44"/>
      <c r="C24" s="44"/>
      <c r="D24" s="44"/>
      <c r="E24" s="44"/>
    </row>
    <row r="25" spans="2:6" ht="19.8" customHeight="1" x14ac:dyDescent="0.3">
      <c r="B25" s="44"/>
      <c r="C25" s="44"/>
      <c r="D25" s="44"/>
      <c r="E25" s="44"/>
    </row>
    <row r="26" spans="2:6" ht="19.8" customHeight="1" x14ac:dyDescent="0.3">
      <c r="B26" s="44"/>
      <c r="C26" s="44"/>
      <c r="D26" s="44"/>
      <c r="E26" s="44"/>
    </row>
    <row r="27" spans="2:6" ht="19.8" customHeight="1" x14ac:dyDescent="0.3">
      <c r="B27" s="44"/>
      <c r="C27" s="44"/>
      <c r="D27" s="44"/>
      <c r="E27" s="44"/>
    </row>
    <row r="28" spans="2:6" ht="19.8" customHeight="1" x14ac:dyDescent="0.3">
      <c r="B28" s="44"/>
      <c r="C28" s="44"/>
      <c r="D28" s="44"/>
      <c r="E28" s="44"/>
    </row>
    <row r="29" spans="2:6" ht="19.8" customHeight="1" x14ac:dyDescent="0.3">
      <c r="B29" s="44"/>
      <c r="C29" s="44"/>
      <c r="D29" s="44"/>
      <c r="E29" s="44"/>
    </row>
    <row r="30" spans="2:6" ht="19.8" customHeight="1" x14ac:dyDescent="0.3">
      <c r="B30" s="14"/>
      <c r="C30" s="14"/>
      <c r="D30" s="14"/>
      <c r="E30" s="14"/>
    </row>
    <row r="31" spans="2:6" ht="19.8" customHeight="1" x14ac:dyDescent="0.3">
      <c r="B31" s="43" t="s">
        <v>45</v>
      </c>
      <c r="C31" s="43"/>
      <c r="D31" s="43"/>
      <c r="E31" s="43"/>
      <c r="F31" s="5"/>
    </row>
    <row r="32" spans="2:6" ht="19.8" customHeight="1" x14ac:dyDescent="0.3">
      <c r="B32" s="43"/>
      <c r="C32" s="43"/>
      <c r="D32" s="43"/>
      <c r="E32" s="43"/>
      <c r="F32" s="5"/>
    </row>
    <row r="33" spans="2:5" ht="19.8" customHeight="1" x14ac:dyDescent="0.3">
      <c r="B33" s="43"/>
      <c r="C33" s="43"/>
      <c r="D33" s="43"/>
      <c r="E33" s="43"/>
    </row>
    <row r="44" spans="2:5" s="16" customFormat="1" ht="19.8" customHeight="1" x14ac:dyDescent="0.3"/>
  </sheetData>
  <mergeCells count="46">
    <mergeCell ref="B28:B29"/>
    <mergeCell ref="C28:C29"/>
    <mergeCell ref="D28:D29"/>
    <mergeCell ref="E28:E29"/>
    <mergeCell ref="B31:E33"/>
    <mergeCell ref="B24:B25"/>
    <mergeCell ref="C24:C25"/>
    <mergeCell ref="D24:D25"/>
    <mergeCell ref="E24:E25"/>
    <mergeCell ref="B26:B27"/>
    <mergeCell ref="C26:C27"/>
    <mergeCell ref="D26:D27"/>
    <mergeCell ref="E26:E27"/>
    <mergeCell ref="B20:B21"/>
    <mergeCell ref="C20:C21"/>
    <mergeCell ref="D20:D21"/>
    <mergeCell ref="E20:E21"/>
    <mergeCell ref="B22:B23"/>
    <mergeCell ref="C22:C23"/>
    <mergeCell ref="D22:D23"/>
    <mergeCell ref="E22:E23"/>
    <mergeCell ref="B16:B17"/>
    <mergeCell ref="C16:C17"/>
    <mergeCell ref="D16:D17"/>
    <mergeCell ref="E16:E17"/>
    <mergeCell ref="B18:B19"/>
    <mergeCell ref="C18:C19"/>
    <mergeCell ref="D18:D19"/>
    <mergeCell ref="E18:E19"/>
    <mergeCell ref="B12:B13"/>
    <mergeCell ref="C12:C13"/>
    <mergeCell ref="D12:D13"/>
    <mergeCell ref="E12:E13"/>
    <mergeCell ref="B14:B15"/>
    <mergeCell ref="C14:C15"/>
    <mergeCell ref="D14:D15"/>
    <mergeCell ref="E14:E15"/>
    <mergeCell ref="B3:E5"/>
    <mergeCell ref="B8:B9"/>
    <mergeCell ref="C8:C9"/>
    <mergeCell ref="D8:D9"/>
    <mergeCell ref="E8:E9"/>
    <mergeCell ref="B10:B11"/>
    <mergeCell ref="C10:C11"/>
    <mergeCell ref="D10:D11"/>
    <mergeCell ref="E10:E11"/>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Monthly Retirement Income</vt:lpstr>
      <vt:lpstr>Extras and Special Goals</vt:lpstr>
    </vt:vector>
  </TitlesOfParts>
  <Company>NTUC Income</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ill Goodenough</dc:creator>
  <cp:lastModifiedBy>Jill Goodenough</cp:lastModifiedBy>
  <cp:lastPrinted>2019-11-21T06:49:28Z</cp:lastPrinted>
  <dcterms:created xsi:type="dcterms:W3CDTF">2019-08-30T02:30:36Z</dcterms:created>
  <dcterms:modified xsi:type="dcterms:W3CDTF">2019-11-25T10:01:15Z</dcterms:modified>
</cp:coreProperties>
</file>